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02739\Desktop\"/>
    </mc:Choice>
  </mc:AlternateContent>
  <bookViews>
    <workbookView xWindow="0" yWindow="0" windowWidth="15345" windowHeight="4665"/>
  </bookViews>
  <sheets>
    <sheet name="様式第５号" sheetId="2" r:id="rId1"/>
  </sheets>
  <calcPr calcId="14562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4" uniqueCount="35">
  <si>
    <t>種類
銘柄</t>
    <rPh sb="0" eb="2">
      <t>シュルイ</t>
    </rPh>
    <rPh sb="3" eb="5">
      <t>メイガラ</t>
    </rPh>
    <phoneticPr fontId="1"/>
  </si>
  <si>
    <t>契約
区分</t>
    <rPh sb="0" eb="2">
      <t>ケイヤク</t>
    </rPh>
    <rPh sb="3" eb="5">
      <t>クブン</t>
    </rPh>
    <phoneticPr fontId="1"/>
  </si>
  <si>
    <t>農産物検査を請求した者の氏名又は名称</t>
    <rPh sb="0" eb="3">
      <t>ノウサンブツ</t>
    </rPh>
    <rPh sb="3" eb="5">
      <t>ケンサ</t>
    </rPh>
    <rPh sb="6" eb="8">
      <t>セイキュウ</t>
    </rPh>
    <rPh sb="10" eb="11">
      <t>シャ</t>
    </rPh>
    <rPh sb="12" eb="14">
      <t>シメイ</t>
    </rPh>
    <rPh sb="14" eb="15">
      <t>マタ</t>
    </rPh>
    <rPh sb="16" eb="18">
      <t>メイショウ</t>
    </rPh>
    <phoneticPr fontId="1"/>
  </si>
  <si>
    <t>請求書番号</t>
    <rPh sb="0" eb="2">
      <t>セイキュウ</t>
    </rPh>
    <rPh sb="2" eb="3">
      <t>ショ</t>
    </rPh>
    <rPh sb="3" eb="5">
      <t>バンゴウ</t>
    </rPh>
    <phoneticPr fontId="1"/>
  </si>
  <si>
    <t>農産物検査を請求を受けた年月日</t>
    <rPh sb="0" eb="3">
      <t>ノウサンブツ</t>
    </rPh>
    <rPh sb="3" eb="5">
      <t>ケンサ</t>
    </rPh>
    <rPh sb="6" eb="8">
      <t>セイキュウ</t>
    </rPh>
    <rPh sb="9" eb="10">
      <t>ウ</t>
    </rPh>
    <rPh sb="12" eb="15">
      <t>ネンガッピ</t>
    </rPh>
    <phoneticPr fontId="1"/>
  </si>
  <si>
    <t>住所</t>
    <rPh sb="0" eb="2">
      <t>ジュウショ</t>
    </rPh>
    <phoneticPr fontId="1"/>
  </si>
  <si>
    <t>契約書番号（政府買入のみ）</t>
    <rPh sb="0" eb="3">
      <t>ケイヤクショ</t>
    </rPh>
    <rPh sb="3" eb="5">
      <t>バンゴウ</t>
    </rPh>
    <rPh sb="6" eb="8">
      <t>セイフ</t>
    </rPh>
    <rPh sb="8" eb="9">
      <t>バイ</t>
    </rPh>
    <rPh sb="9" eb="10">
      <t>ハイ</t>
    </rPh>
    <phoneticPr fontId="1"/>
  </si>
  <si>
    <t>船舶名</t>
    <rPh sb="0" eb="2">
      <t>センパク</t>
    </rPh>
    <rPh sb="2" eb="3">
      <t>メイ</t>
    </rPh>
    <phoneticPr fontId="1"/>
  </si>
  <si>
    <t>輸入港名</t>
    <rPh sb="0" eb="2">
      <t>ユニュウ</t>
    </rPh>
    <rPh sb="2" eb="3">
      <t>ミナト</t>
    </rPh>
    <rPh sb="3" eb="4">
      <t>メイ</t>
    </rPh>
    <phoneticPr fontId="1"/>
  </si>
  <si>
    <t>入港年月日</t>
    <rPh sb="0" eb="2">
      <t>ニュウコウ</t>
    </rPh>
    <rPh sb="2" eb="5">
      <t>ネンガッピ</t>
    </rPh>
    <phoneticPr fontId="1"/>
  </si>
  <si>
    <t>農産物検査を行った年月日</t>
    <rPh sb="0" eb="3">
      <t>ノウサンブツ</t>
    </rPh>
    <rPh sb="3" eb="5">
      <t>ケンサ</t>
    </rPh>
    <rPh sb="6" eb="7">
      <t>オコナ</t>
    </rPh>
    <rPh sb="9" eb="12">
      <t>ネンガッピ</t>
    </rPh>
    <phoneticPr fontId="1"/>
  </si>
  <si>
    <t>開始月日</t>
    <rPh sb="0" eb="2">
      <t>カイシ</t>
    </rPh>
    <rPh sb="2" eb="4">
      <t>ガッピ</t>
    </rPh>
    <phoneticPr fontId="1"/>
  </si>
  <si>
    <t>終了月日</t>
    <rPh sb="0" eb="2">
      <t>シュウリョウ</t>
    </rPh>
    <rPh sb="2" eb="4">
      <t>ガッピ</t>
    </rPh>
    <phoneticPr fontId="1"/>
  </si>
  <si>
    <t>日数</t>
    <rPh sb="0" eb="2">
      <t>ニッスウ</t>
    </rPh>
    <phoneticPr fontId="1"/>
  </si>
  <si>
    <t>のべ検査員数</t>
    <rPh sb="2" eb="5">
      <t>ケンサイン</t>
    </rPh>
    <rPh sb="5" eb="6">
      <t>スウ</t>
    </rPh>
    <phoneticPr fontId="1"/>
  </si>
  <si>
    <t>検査ロット番号</t>
    <rPh sb="0" eb="2">
      <t>ケンサ</t>
    </rPh>
    <rPh sb="5" eb="7">
      <t>バンゴウ</t>
    </rPh>
    <phoneticPr fontId="1"/>
  </si>
  <si>
    <t>品位等検査証明事項</t>
    <rPh sb="0" eb="2">
      <t>ヒンイ</t>
    </rPh>
    <rPh sb="2" eb="3">
      <t>トウ</t>
    </rPh>
    <rPh sb="3" eb="5">
      <t>ケンサ</t>
    </rPh>
    <rPh sb="5" eb="7">
      <t>ショウメイ</t>
    </rPh>
    <rPh sb="7" eb="9">
      <t>ジコウ</t>
    </rPh>
    <phoneticPr fontId="1"/>
  </si>
  <si>
    <t>証明番号</t>
    <rPh sb="0" eb="2">
      <t>ショウメイ</t>
    </rPh>
    <rPh sb="2" eb="4">
      <t>バンゴウ</t>
    </rPh>
    <phoneticPr fontId="1"/>
  </si>
  <si>
    <t>交付年月日</t>
    <rPh sb="0" eb="2">
      <t>コウフ</t>
    </rPh>
    <rPh sb="2" eb="5">
      <t>ネンガッピ</t>
    </rPh>
    <phoneticPr fontId="1"/>
  </si>
  <si>
    <t>農産物検査員の氏名</t>
    <rPh sb="0" eb="3">
      <t>ノウサンブツ</t>
    </rPh>
    <rPh sb="3" eb="5">
      <t>ケンサ</t>
    </rPh>
    <rPh sb="5" eb="6">
      <t>イン</t>
    </rPh>
    <rPh sb="7" eb="9">
      <t>シメイ</t>
    </rPh>
    <phoneticPr fontId="1"/>
  </si>
  <si>
    <t>検査対象数量</t>
    <rPh sb="0" eb="2">
      <t>ケンサ</t>
    </rPh>
    <rPh sb="2" eb="4">
      <t>タイショウ</t>
    </rPh>
    <rPh sb="4" eb="6">
      <t>スウリョウ</t>
    </rPh>
    <phoneticPr fontId="1"/>
  </si>
  <si>
    <t>品位等検査結果</t>
    <rPh sb="0" eb="2">
      <t>ヒンイ</t>
    </rPh>
    <rPh sb="2" eb="3">
      <t>トウ</t>
    </rPh>
    <rPh sb="3" eb="5">
      <t>ケンサ</t>
    </rPh>
    <rPh sb="5" eb="7">
      <t>ケッカ</t>
    </rPh>
    <phoneticPr fontId="1"/>
  </si>
  <si>
    <t xml:space="preserve">
・・・</t>
    <phoneticPr fontId="1"/>
  </si>
  <si>
    <t>成分検査</t>
    <rPh sb="0" eb="2">
      <t>セイブン</t>
    </rPh>
    <rPh sb="2" eb="4">
      <t>ケンサ</t>
    </rPh>
    <phoneticPr fontId="1"/>
  </si>
  <si>
    <t>検査証明番号</t>
    <rPh sb="0" eb="2">
      <t>ケンサ</t>
    </rPh>
    <rPh sb="2" eb="4">
      <t>ショウメイ</t>
    </rPh>
    <rPh sb="4" eb="6">
      <t>バンゴウ</t>
    </rPh>
    <phoneticPr fontId="1"/>
  </si>
  <si>
    <t>成分検査結果</t>
    <rPh sb="0" eb="2">
      <t>セイブン</t>
    </rPh>
    <rPh sb="2" eb="4">
      <t>ケンサ</t>
    </rPh>
    <rPh sb="4" eb="6">
      <t>ケッカ</t>
    </rPh>
    <phoneticPr fontId="1"/>
  </si>
  <si>
    <t>備考</t>
    <rPh sb="0" eb="2">
      <t>ビコウ</t>
    </rPh>
    <phoneticPr fontId="1"/>
  </si>
  <si>
    <t>月分　計</t>
    <rPh sb="0" eb="1">
      <t>ツキ</t>
    </rPh>
    <rPh sb="1" eb="2">
      <t>ブン</t>
    </rPh>
    <rPh sb="3" eb="4">
      <t>ケイ</t>
    </rPh>
    <phoneticPr fontId="1"/>
  </si>
  <si>
    <t>－</t>
    <phoneticPr fontId="1"/>
  </si>
  <si>
    <t>会計年度　計</t>
    <rPh sb="0" eb="2">
      <t>カイケイ</t>
    </rPh>
    <rPh sb="2" eb="4">
      <t>ネンド</t>
    </rPh>
    <rPh sb="5" eb="6">
      <t>ケイ</t>
    </rPh>
    <phoneticPr fontId="1"/>
  </si>
  <si>
    <t>（注）１　会計年度ごとに作成すること。</t>
    <phoneticPr fontId="1"/>
  </si>
  <si>
    <t>　　　２　契約区分及び種類銘柄別に作成すること。</t>
    <phoneticPr fontId="1"/>
  </si>
  <si>
    <t>　　　３　農産物検査を行った年月日のうち開始月日は、本船入港後の荷役開始日とし、農産物検査を行った年月日のうち終了月日は、品位等検査証明書の交付月日とする。</t>
    <phoneticPr fontId="1"/>
  </si>
  <si>
    <t>外　国　産　農　産　物　検　査　台　帳</t>
    <rPh sb="0" eb="1">
      <t>ソト</t>
    </rPh>
    <rPh sb="2" eb="3">
      <t>コク</t>
    </rPh>
    <rPh sb="4" eb="5">
      <t>サン</t>
    </rPh>
    <rPh sb="6" eb="7">
      <t>ノウ</t>
    </rPh>
    <rPh sb="8" eb="9">
      <t>サン</t>
    </rPh>
    <rPh sb="10" eb="11">
      <t>ブツ</t>
    </rPh>
    <rPh sb="12" eb="13">
      <t>ケン</t>
    </rPh>
    <rPh sb="14" eb="15">
      <t>サ</t>
    </rPh>
    <rPh sb="16" eb="17">
      <t>ダイ</t>
    </rPh>
    <rPh sb="18" eb="19">
      <t>トバリ</t>
    </rPh>
    <phoneticPr fontId="1"/>
  </si>
  <si>
    <t>様式第５号</t>
    <rPh sb="0" eb="2">
      <t>ヨウシキ</t>
    </rPh>
    <rPh sb="2" eb="3">
      <t>ダイ</t>
    </rPh>
    <rPh sb="4" eb="5">
      <t>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22"/>
      <color theme="1"/>
      <name val="ＭＳ Ｐ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double">
        <color indexed="64"/>
      </top>
      <bottom style="thin">
        <color indexed="64"/>
      </bottom>
      <diagonal/>
    </border>
    <border>
      <left style="double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uble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32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1" xfId="0" applyBorder="1" applyAlignment="1">
      <alignment horizontal="left" vertical="center" wrapText="1"/>
    </xf>
    <xf numFmtId="0" fontId="0" fillId="0" borderId="1" xfId="0" applyBorder="1" applyAlignment="1">
      <alignment horizontal="center" vertical="top" wrapText="1"/>
    </xf>
    <xf numFmtId="0" fontId="0" fillId="0" borderId="5" xfId="0" applyBorder="1" applyAlignment="1">
      <alignment horizontal="left" vertical="center" wrapText="1"/>
    </xf>
    <xf numFmtId="0" fontId="0" fillId="0" borderId="5" xfId="0" applyBorder="1">
      <alignment vertical="center"/>
    </xf>
    <xf numFmtId="0" fontId="0" fillId="0" borderId="6" xfId="0" applyBorder="1">
      <alignment vertical="center"/>
    </xf>
    <xf numFmtId="0" fontId="0" fillId="0" borderId="3" xfId="0" applyBorder="1">
      <alignment vertical="center"/>
    </xf>
    <xf numFmtId="0" fontId="0" fillId="0" borderId="11" xfId="0" applyBorder="1">
      <alignment vertical="center"/>
    </xf>
    <xf numFmtId="0" fontId="0" fillId="0" borderId="10" xfId="0" applyBorder="1">
      <alignment vertical="center"/>
    </xf>
    <xf numFmtId="0" fontId="0" fillId="0" borderId="2" xfId="0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" xfId="0" applyBorder="1" applyAlignment="1">
      <alignment horizontal="center" vertical="center" wrapText="1"/>
    </xf>
    <xf numFmtId="0" fontId="0" fillId="0" borderId="1" xfId="0" applyBorder="1" applyAlignment="1">
      <alignment horizontal="left" vertical="center" wrapText="1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8" xfId="0" applyBorder="1" applyAlignment="1">
      <alignment horizontal="center" vertical="center" wrapText="1"/>
    </xf>
    <xf numFmtId="0" fontId="0" fillId="0" borderId="9" xfId="0" applyBorder="1" applyAlignment="1">
      <alignment horizontal="center" vertical="center" wrapText="1"/>
    </xf>
    <xf numFmtId="0" fontId="0" fillId="0" borderId="6" xfId="0" applyBorder="1" applyAlignment="1">
      <alignment vertical="center" wrapText="1"/>
    </xf>
    <xf numFmtId="0" fontId="0" fillId="0" borderId="5" xfId="0" applyBorder="1" applyAlignment="1">
      <alignment horizontal="left" vertical="center" wrapText="1"/>
    </xf>
    <xf numFmtId="0" fontId="0" fillId="0" borderId="6" xfId="0" applyBorder="1" applyAlignment="1">
      <alignment horizontal="center" vertical="center" wrapText="1"/>
    </xf>
    <xf numFmtId="0" fontId="0" fillId="0" borderId="3" xfId="0" applyBorder="1" applyAlignment="1">
      <alignment horizontal="left" vertical="center" wrapText="1"/>
    </xf>
    <xf numFmtId="0" fontId="0" fillId="0" borderId="7" xfId="0" applyBorder="1" applyAlignment="1">
      <alignment horizontal="left" vertical="center" wrapText="1"/>
    </xf>
    <xf numFmtId="0" fontId="0" fillId="0" borderId="10" xfId="0" applyBorder="1" applyAlignment="1">
      <alignment horizontal="left" vertical="center" wrapText="1"/>
    </xf>
    <xf numFmtId="0" fontId="0" fillId="0" borderId="2" xfId="0" applyBorder="1" applyAlignment="1">
      <alignment horizontal="center" vertical="center" wrapText="1"/>
    </xf>
    <xf numFmtId="0" fontId="0" fillId="0" borderId="7" xfId="0" applyBorder="1" applyAlignment="1">
      <alignment horizontal="center" vertical="center"/>
    </xf>
    <xf numFmtId="0" fontId="0" fillId="0" borderId="8" xfId="0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" xfId="0" applyBorder="1" applyAlignment="1">
      <alignment horizontal="left" vertical="center"/>
    </xf>
    <xf numFmtId="0" fontId="0" fillId="0" borderId="1" xfId="0" applyBorder="1" applyAlignment="1">
      <alignment vertical="center" wrapTex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AC27"/>
  <sheetViews>
    <sheetView tabSelected="1" workbookViewId="0">
      <selection activeCell="G3" sqref="G3:V3"/>
    </sheetView>
  </sheetViews>
  <sheetFormatPr defaultRowHeight="13.5" x14ac:dyDescent="0.15"/>
  <cols>
    <col min="1" max="1" width="0.75" customWidth="1"/>
    <col min="2" max="29" width="5.625" customWidth="1"/>
  </cols>
  <sheetData>
    <row r="2" spans="2:29" x14ac:dyDescent="0.15">
      <c r="B2" t="s">
        <v>34</v>
      </c>
    </row>
    <row r="3" spans="2:29" ht="25.5" x14ac:dyDescent="0.15">
      <c r="G3" s="11" t="s">
        <v>33</v>
      </c>
      <c r="H3" s="11"/>
      <c r="I3" s="11"/>
      <c r="J3" s="11"/>
      <c r="K3" s="11"/>
      <c r="L3" s="11"/>
      <c r="M3" s="11"/>
      <c r="N3" s="11"/>
      <c r="O3" s="11"/>
      <c r="P3" s="11"/>
      <c r="Q3" s="11"/>
      <c r="R3" s="11"/>
      <c r="S3" s="11"/>
      <c r="T3" s="11"/>
      <c r="U3" s="11"/>
      <c r="V3" s="11"/>
    </row>
    <row r="5" spans="2:29" ht="23.25" customHeight="1" thickBot="1" x14ac:dyDescent="0.2">
      <c r="B5" s="13" t="s">
        <v>1</v>
      </c>
      <c r="C5" s="13" t="s">
        <v>0</v>
      </c>
      <c r="D5" s="14" t="s">
        <v>4</v>
      </c>
      <c r="E5" s="14" t="s">
        <v>3</v>
      </c>
      <c r="F5" s="13" t="s">
        <v>2</v>
      </c>
      <c r="G5" s="12" t="s">
        <v>5</v>
      </c>
      <c r="H5" s="14" t="s">
        <v>6</v>
      </c>
      <c r="I5" s="14" t="s">
        <v>7</v>
      </c>
      <c r="J5" s="31" t="s">
        <v>8</v>
      </c>
      <c r="K5" s="20" t="s">
        <v>9</v>
      </c>
      <c r="L5" s="21" t="s">
        <v>10</v>
      </c>
      <c r="M5" s="14"/>
      <c r="N5" s="14"/>
      <c r="O5" s="14" t="s">
        <v>14</v>
      </c>
      <c r="P5" s="22" t="s">
        <v>15</v>
      </c>
      <c r="Q5" s="17" t="s">
        <v>16</v>
      </c>
      <c r="R5" s="12"/>
      <c r="S5" s="12"/>
      <c r="T5" s="10"/>
      <c r="U5" s="10"/>
      <c r="V5" s="10"/>
      <c r="W5" s="10"/>
      <c r="X5" s="13" t="s">
        <v>23</v>
      </c>
      <c r="Y5" s="13"/>
      <c r="Z5" s="26"/>
      <c r="AA5" s="26"/>
      <c r="AB5" s="26"/>
      <c r="AC5" s="12" t="s">
        <v>26</v>
      </c>
    </row>
    <row r="6" spans="2:29" ht="24.75" customHeight="1" thickTop="1" x14ac:dyDescent="0.15">
      <c r="B6" s="13"/>
      <c r="C6" s="13"/>
      <c r="D6" s="14"/>
      <c r="E6" s="30"/>
      <c r="F6" s="13"/>
      <c r="G6" s="12"/>
      <c r="H6" s="14"/>
      <c r="I6" s="14"/>
      <c r="J6" s="31"/>
      <c r="K6" s="20"/>
      <c r="L6" s="21"/>
      <c r="M6" s="14"/>
      <c r="N6" s="14"/>
      <c r="O6" s="14"/>
      <c r="P6" s="22"/>
      <c r="Q6" s="21" t="s">
        <v>17</v>
      </c>
      <c r="R6" s="14" t="s">
        <v>18</v>
      </c>
      <c r="S6" s="23" t="s">
        <v>19</v>
      </c>
      <c r="T6" s="24" t="s">
        <v>20</v>
      </c>
      <c r="U6" s="18" t="s">
        <v>21</v>
      </c>
      <c r="V6" s="18"/>
      <c r="W6" s="19"/>
      <c r="X6" s="21" t="s">
        <v>24</v>
      </c>
      <c r="Y6" s="23" t="s">
        <v>19</v>
      </c>
      <c r="Z6" s="27" t="s">
        <v>25</v>
      </c>
      <c r="AA6" s="28"/>
      <c r="AB6" s="29"/>
      <c r="AC6" s="17"/>
    </row>
    <row r="7" spans="2:29" ht="94.5" customHeight="1" x14ac:dyDescent="0.15">
      <c r="B7" s="13"/>
      <c r="C7" s="13"/>
      <c r="D7" s="14"/>
      <c r="E7" s="30"/>
      <c r="F7" s="13"/>
      <c r="G7" s="12"/>
      <c r="H7" s="14"/>
      <c r="I7" s="14"/>
      <c r="J7" s="31"/>
      <c r="K7" s="20"/>
      <c r="L7" s="4" t="s">
        <v>11</v>
      </c>
      <c r="M7" s="2" t="s">
        <v>12</v>
      </c>
      <c r="N7" s="1" t="s">
        <v>13</v>
      </c>
      <c r="O7" s="14"/>
      <c r="P7" s="22"/>
      <c r="Q7" s="21"/>
      <c r="R7" s="14"/>
      <c r="S7" s="23"/>
      <c r="T7" s="25"/>
      <c r="U7" s="1"/>
      <c r="V7" s="3" t="s">
        <v>22</v>
      </c>
      <c r="W7" s="8"/>
      <c r="X7" s="21"/>
      <c r="Y7" s="23"/>
      <c r="Z7" s="9"/>
      <c r="AA7" s="3" t="s">
        <v>22</v>
      </c>
      <c r="AB7" s="8"/>
      <c r="AC7" s="17"/>
    </row>
    <row r="8" spans="2:29" ht="26.25" customHeight="1" x14ac:dyDescent="0.15">
      <c r="B8" s="1"/>
      <c r="C8" s="1"/>
      <c r="D8" s="1"/>
      <c r="E8" s="1"/>
      <c r="F8" s="1"/>
      <c r="G8" s="1"/>
      <c r="H8" s="1"/>
      <c r="I8" s="1"/>
      <c r="J8" s="1"/>
      <c r="K8" s="6"/>
      <c r="L8" s="5"/>
      <c r="M8" s="1"/>
      <c r="N8" s="1"/>
      <c r="O8" s="1"/>
      <c r="P8" s="6"/>
      <c r="Q8" s="5"/>
      <c r="R8" s="1"/>
      <c r="S8" s="7"/>
      <c r="T8" s="9"/>
      <c r="U8" s="1"/>
      <c r="V8" s="1"/>
      <c r="W8" s="8"/>
      <c r="X8" s="5"/>
      <c r="Y8" s="7"/>
      <c r="Z8" s="9"/>
      <c r="AA8" s="1"/>
      <c r="AB8" s="8"/>
      <c r="AC8" s="5"/>
    </row>
    <row r="9" spans="2:29" ht="26.25" customHeight="1" x14ac:dyDescent="0.15">
      <c r="B9" s="1"/>
      <c r="C9" s="1"/>
      <c r="D9" s="1"/>
      <c r="E9" s="1"/>
      <c r="F9" s="1"/>
      <c r="G9" s="1"/>
      <c r="H9" s="1"/>
      <c r="I9" s="1"/>
      <c r="J9" s="1"/>
      <c r="K9" s="6"/>
      <c r="L9" s="5"/>
      <c r="M9" s="1"/>
      <c r="N9" s="1"/>
      <c r="O9" s="1"/>
      <c r="P9" s="6"/>
      <c r="Q9" s="5"/>
      <c r="R9" s="1"/>
      <c r="S9" s="7"/>
      <c r="T9" s="9"/>
      <c r="U9" s="1"/>
      <c r="V9" s="1"/>
      <c r="W9" s="8"/>
      <c r="X9" s="5"/>
      <c r="Y9" s="7"/>
      <c r="Z9" s="9"/>
      <c r="AA9" s="1"/>
      <c r="AB9" s="8"/>
      <c r="AC9" s="5"/>
    </row>
    <row r="10" spans="2:29" ht="26.25" customHeight="1" x14ac:dyDescent="0.15">
      <c r="B10" s="1"/>
      <c r="C10" s="1"/>
      <c r="D10" s="1"/>
      <c r="E10" s="1"/>
      <c r="F10" s="1"/>
      <c r="G10" s="1"/>
      <c r="H10" s="1"/>
      <c r="I10" s="1"/>
      <c r="J10" s="1"/>
      <c r="K10" s="6"/>
      <c r="L10" s="5"/>
      <c r="M10" s="1"/>
      <c r="N10" s="1"/>
      <c r="O10" s="1"/>
      <c r="P10" s="6"/>
      <c r="Q10" s="5"/>
      <c r="R10" s="1"/>
      <c r="S10" s="7"/>
      <c r="T10" s="9"/>
      <c r="U10" s="1"/>
      <c r="V10" s="1"/>
      <c r="W10" s="8"/>
      <c r="X10" s="5"/>
      <c r="Y10" s="7"/>
      <c r="Z10" s="9"/>
      <c r="AA10" s="1"/>
      <c r="AB10" s="8"/>
      <c r="AC10" s="5"/>
    </row>
    <row r="11" spans="2:29" ht="26.25" customHeight="1" x14ac:dyDescent="0.15">
      <c r="B11" s="1"/>
      <c r="C11" s="1"/>
      <c r="D11" s="1"/>
      <c r="E11" s="1"/>
      <c r="F11" s="1"/>
      <c r="G11" s="1"/>
      <c r="H11" s="1"/>
      <c r="I11" s="1"/>
      <c r="J11" s="1"/>
      <c r="K11" s="6"/>
      <c r="L11" s="5"/>
      <c r="M11" s="1"/>
      <c r="N11" s="1"/>
      <c r="O11" s="1"/>
      <c r="P11" s="6"/>
      <c r="Q11" s="5"/>
      <c r="R11" s="1"/>
      <c r="S11" s="7"/>
      <c r="T11" s="9"/>
      <c r="U11" s="1"/>
      <c r="V11" s="1"/>
      <c r="W11" s="8"/>
      <c r="X11" s="5"/>
      <c r="Y11" s="7"/>
      <c r="Z11" s="9"/>
      <c r="AA11" s="1"/>
      <c r="AB11" s="8"/>
      <c r="AC11" s="5"/>
    </row>
    <row r="12" spans="2:29" ht="26.25" customHeight="1" x14ac:dyDescent="0.15">
      <c r="B12" s="15" t="s">
        <v>27</v>
      </c>
      <c r="C12" s="16"/>
      <c r="D12" s="16"/>
      <c r="E12" s="16"/>
      <c r="F12" s="16"/>
      <c r="G12" s="16"/>
      <c r="H12" s="16"/>
      <c r="I12" s="17"/>
      <c r="J12" s="1" t="s">
        <v>28</v>
      </c>
      <c r="K12" s="6"/>
      <c r="L12" s="5" t="s">
        <v>28</v>
      </c>
      <c r="M12" s="1" t="s">
        <v>28</v>
      </c>
      <c r="N12" s="1"/>
      <c r="O12" s="1"/>
      <c r="P12" s="6" t="s">
        <v>28</v>
      </c>
      <c r="Q12" s="5" t="s">
        <v>28</v>
      </c>
      <c r="R12" s="1" t="s">
        <v>28</v>
      </c>
      <c r="S12" s="7" t="s">
        <v>28</v>
      </c>
      <c r="T12" s="9"/>
      <c r="U12" s="1"/>
      <c r="V12" s="1"/>
      <c r="W12" s="8"/>
      <c r="X12" s="5" t="s">
        <v>28</v>
      </c>
      <c r="Y12" s="7" t="s">
        <v>28</v>
      </c>
      <c r="Z12" s="9"/>
      <c r="AA12" s="1"/>
      <c r="AB12" s="8"/>
      <c r="AC12" s="5"/>
    </row>
    <row r="13" spans="2:29" ht="26.25" customHeight="1" x14ac:dyDescent="0.15">
      <c r="B13" s="1"/>
      <c r="C13" s="1"/>
      <c r="D13" s="1"/>
      <c r="E13" s="1"/>
      <c r="F13" s="1"/>
      <c r="G13" s="1"/>
      <c r="H13" s="1"/>
      <c r="I13" s="1"/>
      <c r="J13" s="1"/>
      <c r="K13" s="6"/>
      <c r="L13" s="5"/>
      <c r="M13" s="1"/>
      <c r="N13" s="1"/>
      <c r="O13" s="1"/>
      <c r="P13" s="6"/>
      <c r="Q13" s="5"/>
      <c r="R13" s="1"/>
      <c r="S13" s="7"/>
      <c r="T13" s="9"/>
      <c r="U13" s="1"/>
      <c r="V13" s="1"/>
      <c r="W13" s="8"/>
      <c r="X13" s="5"/>
      <c r="Y13" s="7"/>
      <c r="Z13" s="9"/>
      <c r="AA13" s="1"/>
      <c r="AB13" s="8"/>
      <c r="AC13" s="5"/>
    </row>
    <row r="14" spans="2:29" ht="26.25" customHeight="1" x14ac:dyDescent="0.15">
      <c r="B14" s="1"/>
      <c r="C14" s="1"/>
      <c r="D14" s="1"/>
      <c r="E14" s="1"/>
      <c r="F14" s="1"/>
      <c r="G14" s="1"/>
      <c r="H14" s="1"/>
      <c r="I14" s="1"/>
      <c r="J14" s="1"/>
      <c r="K14" s="6"/>
      <c r="L14" s="5"/>
      <c r="M14" s="1"/>
      <c r="N14" s="1"/>
      <c r="O14" s="1"/>
      <c r="P14" s="6"/>
      <c r="Q14" s="5"/>
      <c r="R14" s="1"/>
      <c r="S14" s="7"/>
      <c r="T14" s="9"/>
      <c r="U14" s="1"/>
      <c r="V14" s="1"/>
      <c r="W14" s="8"/>
      <c r="X14" s="5"/>
      <c r="Y14" s="7"/>
      <c r="Z14" s="9"/>
      <c r="AA14" s="1"/>
      <c r="AB14" s="8"/>
      <c r="AC14" s="5"/>
    </row>
    <row r="15" spans="2:29" ht="26.25" customHeight="1" x14ac:dyDescent="0.15">
      <c r="B15" s="1"/>
      <c r="C15" s="1"/>
      <c r="D15" s="1"/>
      <c r="E15" s="1"/>
      <c r="F15" s="1"/>
      <c r="G15" s="1"/>
      <c r="H15" s="1"/>
      <c r="I15" s="1"/>
      <c r="J15" s="1"/>
      <c r="K15" s="6"/>
      <c r="L15" s="5"/>
      <c r="M15" s="1"/>
      <c r="N15" s="1"/>
      <c r="O15" s="1"/>
      <c r="P15" s="6"/>
      <c r="Q15" s="5"/>
      <c r="R15" s="1"/>
      <c r="S15" s="7"/>
      <c r="T15" s="9"/>
      <c r="U15" s="1"/>
      <c r="V15" s="1"/>
      <c r="W15" s="8"/>
      <c r="X15" s="5"/>
      <c r="Y15" s="7"/>
      <c r="Z15" s="9"/>
      <c r="AA15" s="1"/>
      <c r="AB15" s="8"/>
      <c r="AC15" s="5"/>
    </row>
    <row r="16" spans="2:29" ht="26.25" customHeight="1" x14ac:dyDescent="0.15">
      <c r="B16" s="1"/>
      <c r="C16" s="1"/>
      <c r="D16" s="1"/>
      <c r="E16" s="1"/>
      <c r="F16" s="1"/>
      <c r="G16" s="1"/>
      <c r="H16" s="1"/>
      <c r="I16" s="1"/>
      <c r="J16" s="1"/>
      <c r="K16" s="6"/>
      <c r="L16" s="5"/>
      <c r="M16" s="1"/>
      <c r="N16" s="1"/>
      <c r="O16" s="1"/>
      <c r="P16" s="6"/>
      <c r="Q16" s="5"/>
      <c r="R16" s="1"/>
      <c r="S16" s="7"/>
      <c r="T16" s="9"/>
      <c r="U16" s="1"/>
      <c r="V16" s="1"/>
      <c r="W16" s="8"/>
      <c r="X16" s="5"/>
      <c r="Y16" s="7"/>
      <c r="Z16" s="9"/>
      <c r="AA16" s="1"/>
      <c r="AB16" s="8"/>
      <c r="AC16" s="5"/>
    </row>
    <row r="17" spans="2:29" ht="26.25" customHeight="1" x14ac:dyDescent="0.15">
      <c r="B17" s="15" t="s">
        <v>27</v>
      </c>
      <c r="C17" s="16"/>
      <c r="D17" s="16"/>
      <c r="E17" s="16"/>
      <c r="F17" s="16"/>
      <c r="G17" s="16"/>
      <c r="H17" s="16"/>
      <c r="I17" s="17"/>
      <c r="J17" s="1" t="s">
        <v>28</v>
      </c>
      <c r="K17" s="6"/>
      <c r="L17" s="5" t="s">
        <v>28</v>
      </c>
      <c r="M17" s="1" t="s">
        <v>28</v>
      </c>
      <c r="N17" s="1"/>
      <c r="O17" s="1"/>
      <c r="P17" s="6" t="s">
        <v>28</v>
      </c>
      <c r="Q17" s="5" t="s">
        <v>28</v>
      </c>
      <c r="R17" s="1" t="s">
        <v>28</v>
      </c>
      <c r="S17" s="7" t="s">
        <v>28</v>
      </c>
      <c r="T17" s="9"/>
      <c r="U17" s="1"/>
      <c r="V17" s="1"/>
      <c r="W17" s="8"/>
      <c r="X17" s="5" t="s">
        <v>28</v>
      </c>
      <c r="Y17" s="7" t="s">
        <v>28</v>
      </c>
      <c r="Z17" s="9"/>
      <c r="AA17" s="1"/>
      <c r="AB17" s="8"/>
      <c r="AC17" s="5"/>
    </row>
    <row r="18" spans="2:29" ht="26.25" customHeight="1" x14ac:dyDescent="0.15">
      <c r="B18" s="1"/>
      <c r="C18" s="1"/>
      <c r="D18" s="1"/>
      <c r="E18" s="1"/>
      <c r="F18" s="1"/>
      <c r="G18" s="1"/>
      <c r="H18" s="1"/>
      <c r="I18" s="1"/>
      <c r="J18" s="1"/>
      <c r="K18" s="6"/>
      <c r="L18" s="5"/>
      <c r="M18" s="1"/>
      <c r="N18" s="1"/>
      <c r="O18" s="1"/>
      <c r="P18" s="6"/>
      <c r="Q18" s="5"/>
      <c r="R18" s="1"/>
      <c r="S18" s="7"/>
      <c r="T18" s="9"/>
      <c r="U18" s="1"/>
      <c r="V18" s="1"/>
      <c r="W18" s="8"/>
      <c r="X18" s="5"/>
      <c r="Y18" s="7"/>
      <c r="Z18" s="9"/>
      <c r="AA18" s="1"/>
      <c r="AB18" s="8"/>
      <c r="AC18" s="5"/>
    </row>
    <row r="19" spans="2:29" ht="26.25" customHeight="1" x14ac:dyDescent="0.15">
      <c r="B19" s="1"/>
      <c r="C19" s="1"/>
      <c r="D19" s="1"/>
      <c r="E19" s="1"/>
      <c r="F19" s="1"/>
      <c r="G19" s="1"/>
      <c r="H19" s="1"/>
      <c r="I19" s="1"/>
      <c r="J19" s="1"/>
      <c r="K19" s="6"/>
      <c r="L19" s="5"/>
      <c r="M19" s="1"/>
      <c r="N19" s="1"/>
      <c r="O19" s="1"/>
      <c r="P19" s="6"/>
      <c r="Q19" s="5"/>
      <c r="R19" s="1"/>
      <c r="S19" s="7"/>
      <c r="T19" s="9"/>
      <c r="U19" s="1"/>
      <c r="V19" s="1"/>
      <c r="W19" s="8"/>
      <c r="X19" s="5"/>
      <c r="Y19" s="7"/>
      <c r="Z19" s="9"/>
      <c r="AA19" s="1"/>
      <c r="AB19" s="8"/>
      <c r="AC19" s="5"/>
    </row>
    <row r="20" spans="2:29" ht="26.25" customHeight="1" x14ac:dyDescent="0.15">
      <c r="B20" s="1"/>
      <c r="C20" s="1"/>
      <c r="D20" s="1"/>
      <c r="E20" s="1"/>
      <c r="F20" s="1"/>
      <c r="G20" s="1"/>
      <c r="H20" s="1"/>
      <c r="I20" s="1"/>
      <c r="J20" s="1"/>
      <c r="K20" s="6"/>
      <c r="L20" s="5"/>
      <c r="M20" s="1"/>
      <c r="N20" s="1"/>
      <c r="O20" s="1"/>
      <c r="P20" s="6"/>
      <c r="Q20" s="5"/>
      <c r="R20" s="1"/>
      <c r="S20" s="7"/>
      <c r="T20" s="9"/>
      <c r="U20" s="1"/>
      <c r="V20" s="1"/>
      <c r="W20" s="8"/>
      <c r="X20" s="5"/>
      <c r="Y20" s="7"/>
      <c r="Z20" s="9"/>
      <c r="AA20" s="1"/>
      <c r="AB20" s="8"/>
      <c r="AC20" s="5"/>
    </row>
    <row r="21" spans="2:29" ht="26.25" customHeight="1" x14ac:dyDescent="0.15">
      <c r="B21" s="1"/>
      <c r="C21" s="1"/>
      <c r="D21" s="1"/>
      <c r="E21" s="1"/>
      <c r="F21" s="1"/>
      <c r="G21" s="1"/>
      <c r="H21" s="1"/>
      <c r="I21" s="1"/>
      <c r="J21" s="1"/>
      <c r="K21" s="6"/>
      <c r="L21" s="5"/>
      <c r="M21" s="1"/>
      <c r="N21" s="1"/>
      <c r="O21" s="1"/>
      <c r="P21" s="6"/>
      <c r="Q21" s="5"/>
      <c r="R21" s="1"/>
      <c r="S21" s="7"/>
      <c r="T21" s="9"/>
      <c r="U21" s="1"/>
      <c r="V21" s="1"/>
      <c r="W21" s="8"/>
      <c r="X21" s="5"/>
      <c r="Y21" s="7"/>
      <c r="Z21" s="9"/>
      <c r="AA21" s="1"/>
      <c r="AB21" s="8"/>
      <c r="AC21" s="5"/>
    </row>
    <row r="22" spans="2:29" ht="26.25" customHeight="1" x14ac:dyDescent="0.15">
      <c r="B22" s="15" t="s">
        <v>27</v>
      </c>
      <c r="C22" s="16"/>
      <c r="D22" s="16"/>
      <c r="E22" s="16"/>
      <c r="F22" s="16"/>
      <c r="G22" s="16"/>
      <c r="H22" s="16"/>
      <c r="I22" s="17"/>
      <c r="J22" s="1" t="s">
        <v>28</v>
      </c>
      <c r="K22" s="6"/>
      <c r="L22" s="5" t="s">
        <v>28</v>
      </c>
      <c r="M22" s="1" t="s">
        <v>28</v>
      </c>
      <c r="N22" s="1"/>
      <c r="O22" s="1"/>
      <c r="P22" s="6" t="s">
        <v>28</v>
      </c>
      <c r="Q22" s="5" t="s">
        <v>28</v>
      </c>
      <c r="R22" s="1" t="s">
        <v>28</v>
      </c>
      <c r="S22" s="7" t="s">
        <v>28</v>
      </c>
      <c r="T22" s="9"/>
      <c r="U22" s="1"/>
      <c r="V22" s="1"/>
      <c r="W22" s="8"/>
      <c r="X22" s="5" t="s">
        <v>28</v>
      </c>
      <c r="Y22" s="7" t="s">
        <v>28</v>
      </c>
      <c r="Z22" s="9"/>
      <c r="AA22" s="1"/>
      <c r="AB22" s="8"/>
      <c r="AC22" s="5"/>
    </row>
    <row r="23" spans="2:29" ht="26.25" customHeight="1" x14ac:dyDescent="0.15">
      <c r="B23" s="15" t="s">
        <v>29</v>
      </c>
      <c r="C23" s="16"/>
      <c r="D23" s="16"/>
      <c r="E23" s="16"/>
      <c r="F23" s="16"/>
      <c r="G23" s="16"/>
      <c r="H23" s="16"/>
      <c r="I23" s="17"/>
      <c r="J23" s="1" t="s">
        <v>28</v>
      </c>
      <c r="K23" s="6"/>
      <c r="L23" s="5" t="s">
        <v>28</v>
      </c>
      <c r="M23" s="1" t="s">
        <v>28</v>
      </c>
      <c r="N23" s="1"/>
      <c r="O23" s="1"/>
      <c r="P23" s="6" t="s">
        <v>28</v>
      </c>
      <c r="Q23" s="5" t="s">
        <v>28</v>
      </c>
      <c r="R23" s="1" t="s">
        <v>28</v>
      </c>
      <c r="S23" s="7" t="s">
        <v>28</v>
      </c>
      <c r="T23" s="9"/>
      <c r="U23" s="1"/>
      <c r="V23" s="1"/>
      <c r="W23" s="8"/>
      <c r="X23" s="5" t="s">
        <v>28</v>
      </c>
      <c r="Y23" s="7" t="s">
        <v>28</v>
      </c>
      <c r="Z23" s="9"/>
      <c r="AA23" s="1"/>
      <c r="AB23" s="8"/>
      <c r="AC23" s="5"/>
    </row>
    <row r="25" spans="2:29" x14ac:dyDescent="0.15">
      <c r="B25" t="s">
        <v>30</v>
      </c>
    </row>
    <row r="26" spans="2:29" x14ac:dyDescent="0.15">
      <c r="B26" t="s">
        <v>31</v>
      </c>
    </row>
    <row r="27" spans="2:29" x14ac:dyDescent="0.15">
      <c r="B27" t="s">
        <v>32</v>
      </c>
    </row>
  </sheetData>
  <mergeCells count="29">
    <mergeCell ref="G3:V3"/>
    <mergeCell ref="B5:B7"/>
    <mergeCell ref="C5:C7"/>
    <mergeCell ref="D5:D7"/>
    <mergeCell ref="E5:E7"/>
    <mergeCell ref="F5:F7"/>
    <mergeCell ref="G5:G7"/>
    <mergeCell ref="H5:H7"/>
    <mergeCell ref="I5:I7"/>
    <mergeCell ref="J5:J7"/>
    <mergeCell ref="X5:AB5"/>
    <mergeCell ref="X6:X7"/>
    <mergeCell ref="Y6:Y7"/>
    <mergeCell ref="Z6:AB6"/>
    <mergeCell ref="AC5:AC7"/>
    <mergeCell ref="B12:I12"/>
    <mergeCell ref="B17:I17"/>
    <mergeCell ref="B22:I22"/>
    <mergeCell ref="B23:I23"/>
    <mergeCell ref="U6:W6"/>
    <mergeCell ref="K5:K7"/>
    <mergeCell ref="L5:N6"/>
    <mergeCell ref="O5:O7"/>
    <mergeCell ref="P5:P7"/>
    <mergeCell ref="Q5:W5"/>
    <mergeCell ref="Q6:Q7"/>
    <mergeCell ref="R6:R7"/>
    <mergeCell ref="S6:S7"/>
    <mergeCell ref="T6:T7"/>
  </mergeCells>
  <phoneticPr fontId="1"/>
  <pageMargins left="0.45" right="0.47" top="0.35" bottom="0.49" header="0.16" footer="0.3"/>
  <pageSetup paperSize="9" scale="86" fitToWidth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様式第５号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検査請求者別検査台帳－島根県</dc:title>
  <dc:creator>農林水産省</dc:creator>
  <cp:lastModifiedBy>Windows ユーザー</cp:lastModifiedBy>
  <cp:lastPrinted>2016-03-22T04:47:01Z</cp:lastPrinted>
  <dcterms:created xsi:type="dcterms:W3CDTF">2014-07-30T01:11:50Z</dcterms:created>
  <dcterms:modified xsi:type="dcterms:W3CDTF">2021-09-27T05:55:00Z</dcterms:modified>
</cp:coreProperties>
</file>